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9-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9-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sintmichielsgeste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79369AF7-6153-339B-89F8-8046545D1EA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4830627"/>
            <a:ext cx="2280126" cy="183322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B53B19FB-D3FB-D452-138A-B2A58C4AD9D7}"/>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9324" y="4057650"/>
            <a:ext cx="1557644" cy="125234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9-09T10:13:34Z</dcterms:modified>
</cp:coreProperties>
</file>